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5年度\02_財政グループ分\03_エクセル\02_RPA後（合計欄に算定式入力）\"/>
    </mc:Choice>
  </mc:AlternateContent>
  <bookViews>
    <workbookView xWindow="0" yWindow="0" windowWidth="20400" windowHeight="7236"/>
  </bookViews>
  <sheets>
    <sheet name="17" sheetId="1" r:id="rId1"/>
  </sheets>
  <externalReferences>
    <externalReference r:id="rId2"/>
    <externalReference r:id="rId3"/>
  </externalReferences>
  <definedNames>
    <definedName name="_A0002" localSheetId="0">[1]ﾃﾞｰﾀ!$C$20:$C$65</definedName>
    <definedName name="_A0002">[2]ﾃﾞｰﾀ!$C$20:$C$65</definedName>
    <definedName name="_C0074" localSheetId="0">[1]ﾃﾞｰﾀ!$AM$20:$AM$65</definedName>
    <definedName name="_C0074">[2]ﾃﾞｰﾀ!$AM$20:$AM$65</definedName>
    <definedName name="_C0075" localSheetId="0">[1]ﾃﾞｰﾀ!$AN$20:$AN$65</definedName>
    <definedName name="_C0075">[2]ﾃﾞｰﾀ!$AN$20:$AN$65</definedName>
    <definedName name="_C0076" localSheetId="0">[1]ﾃﾞｰﾀ!$AO$20:$AO$65</definedName>
    <definedName name="_C0076">[2]ﾃﾞｰﾀ!$AO$20:$AO$65</definedName>
    <definedName name="_C0077" localSheetId="0">[1]ﾃﾞｰﾀ!$AP$20:$AP$65</definedName>
    <definedName name="_C0077">[2]ﾃﾞｰﾀ!$AP$20:$AP$65</definedName>
    <definedName name="_C0079" localSheetId="0">[1]ﾃﾞｰﾀ!$AQ$20:$AQ$65</definedName>
    <definedName name="_C0079">[2]ﾃﾞｰﾀ!$AQ$20:$AQ$65</definedName>
    <definedName name="_C0080" localSheetId="0">[1]ﾃﾞｰﾀ!$AR$20:$AR$65</definedName>
    <definedName name="_C0080">[2]ﾃﾞｰﾀ!$AR$20:$AR$65</definedName>
    <definedName name="_C0081" localSheetId="0">[1]ﾃﾞｰﾀ!$AS$20:$AS$65</definedName>
    <definedName name="_C0081">[2]ﾃﾞｰﾀ!$AS$20:$AS$65</definedName>
    <definedName name="_C0082" localSheetId="0">[1]ﾃﾞｰﾀ!$AT$20:$AT$65</definedName>
    <definedName name="_C0082">[2]ﾃﾞｰﾀ!$AT$20:$AT$65</definedName>
    <definedName name="_C0083" localSheetId="0">[1]ﾃﾞｰﾀ!$AU$20:$AU$65</definedName>
    <definedName name="_C0083">[2]ﾃﾞｰﾀ!$AU$20:$AU$65</definedName>
    <definedName name="_C0084" localSheetId="0">[1]ﾃﾞｰﾀ!$AV$20:$AV$65</definedName>
    <definedName name="_C0084">[2]ﾃﾞｰﾀ!$AV$20:$AV$65</definedName>
    <definedName name="_C0085" localSheetId="0">[1]ﾃﾞｰﾀ!$AW$20:$AW$65</definedName>
    <definedName name="_C0085">[2]ﾃﾞｰﾀ!$AW$20:$AW$65</definedName>
    <definedName name="_C0086" localSheetId="0">[1]ﾃﾞｰﾀ!$AX$20:$AX$65</definedName>
    <definedName name="_C0086">[2]ﾃﾞｰﾀ!$AX$20:$AX$65</definedName>
    <definedName name="_C0087" localSheetId="0">[1]ﾃﾞｰﾀ!$AY$20:$AY$65</definedName>
    <definedName name="_C0087">[2]ﾃﾞｰﾀ!$AY$20:$AY$65</definedName>
    <definedName name="_C0088" localSheetId="0">[1]ﾃﾞｰﾀ!$AZ$20:$AZ$65</definedName>
    <definedName name="_C0088">[2]ﾃﾞｰﾀ!$AZ$20:$AZ$65</definedName>
    <definedName name="_C0089" localSheetId="0">[1]ﾃﾞｰﾀ!$BA$20:$BA$65</definedName>
    <definedName name="_C0089">[2]ﾃﾞｰﾀ!$BA$20:$BA$65</definedName>
    <definedName name="_C0090" localSheetId="0">[1]ﾃﾞｰﾀ!$BB$20:$BB$65</definedName>
    <definedName name="_C0090">[2]ﾃﾞｰﾀ!$BB$20:$BB$65</definedName>
    <definedName name="_C0091" localSheetId="0">[1]ﾃﾞｰﾀ!$BC$20:$BC$65</definedName>
    <definedName name="_C0091">[2]ﾃﾞｰﾀ!$BC$20:$BC$65</definedName>
    <definedName name="_C0092" localSheetId="0">[1]ﾃﾞｰﾀ!$BD$20:$BD$65</definedName>
    <definedName name="_C0092">[2]ﾃﾞｰﾀ!$BD$20:$BD$65</definedName>
    <definedName name="_C0093" localSheetId="0">[1]ﾃﾞｰﾀ!$BE$20:$BE$65</definedName>
    <definedName name="_C0093">[2]ﾃﾞｰﾀ!$BE$20:$BE$65</definedName>
    <definedName name="_C0094" localSheetId="0">[1]ﾃﾞｰﾀ!$BF$20:$BF$65</definedName>
    <definedName name="_C0094">[2]ﾃﾞｰﾀ!$BF$20:$BF$65</definedName>
    <definedName name="_C0095" localSheetId="0">[1]ﾃﾞｰﾀ!$BG$20:$BG$65</definedName>
    <definedName name="_C0095">[2]ﾃﾞｰﾀ!$BG$20:$BG$65</definedName>
    <definedName name="_C0096" localSheetId="0">[1]ﾃﾞｰﾀ!$BH$20:$BH$65</definedName>
    <definedName name="_C0096">[2]ﾃﾞｰﾀ!$BH$20:$BH$65</definedName>
    <definedName name="_C0100" localSheetId="0">[1]ﾃﾞｰﾀ!$BI$20:$BI$65</definedName>
    <definedName name="_C0100">[2]ﾃﾞｰﾀ!$BI$20:$BI$65</definedName>
    <definedName name="_C0102" localSheetId="0">[1]ﾃﾞｰﾀ!$BJ$20:$BJ$65</definedName>
    <definedName name="_C0102">[2]ﾃﾞｰﾀ!$BJ$20:$BJ$65</definedName>
    <definedName name="_C0103" localSheetId="0">[1]ﾃﾞｰﾀ!$BK$20:$BK$65</definedName>
    <definedName name="_C0103">[2]ﾃﾞｰﾀ!$BK$20:$BK$65</definedName>
    <definedName name="_C0104" localSheetId="0">[1]ﾃﾞｰﾀ!$BL$20:$BL$65</definedName>
    <definedName name="_C0104">[2]ﾃﾞｰﾀ!$BL$20:$BL$65</definedName>
    <definedName name="_C0105" localSheetId="0">[1]ﾃﾞｰﾀ!$BM$20:$BM$65</definedName>
    <definedName name="_C0105">[2]ﾃﾞｰﾀ!$BM$20:$BM$65</definedName>
    <definedName name="_C0106" localSheetId="0">[1]ﾃﾞｰﾀ!$BN$20:$BN$65</definedName>
    <definedName name="_C0106">[2]ﾃﾞｰﾀ!$BN$20:$BN$65</definedName>
    <definedName name="_C0108" localSheetId="0">[1]ﾃﾞｰﾀ!$BO$20:$BO$65</definedName>
    <definedName name="_C0108">[2]ﾃﾞｰﾀ!$BO$20:$BO$65</definedName>
    <definedName name="_C1138" localSheetId="0">[1]ﾃﾞｰﾀ!$BP$20:$BP$65</definedName>
    <definedName name="_C1138">[2]ﾃﾞｰﾀ!$BP$20:$BP$65</definedName>
    <definedName name="_C1254" localSheetId="0">[1]ﾃﾞｰﾀ!$BQ$20:$BQ$65</definedName>
    <definedName name="_C1254">[2]ﾃﾞｰﾀ!$BQ$20:$BQ$65</definedName>
    <definedName name="_C1266" localSheetId="0">[1]ﾃﾞｰﾀ!$BR$20:$BR$65</definedName>
    <definedName name="_C1266">[2]ﾃﾞｰﾀ!$BR$20:$BR$65</definedName>
    <definedName name="_xlnm.Print_Area" localSheetId="0">'17'!$A$1:$M$40</definedName>
    <definedName name="_xlnm.Print_Titles" localSheetId="0">'17'!$A:$A</definedName>
  </definedNames>
  <calcPr calcId="162913"/>
</workbook>
</file>

<file path=xl/sharedStrings.xml><?xml version="1.0" encoding="utf-8"?>
<sst xmlns="http://schemas.openxmlformats.org/spreadsheetml/2006/main" count="76" uniqueCount="62">
  <si>
    <t>実質収支</t>
  </si>
  <si>
    <t>経常収支</t>
    <rPh sb="0" eb="2">
      <t>ケイジョウ</t>
    </rPh>
    <rPh sb="2" eb="4">
      <t>シュウシ</t>
    </rPh>
    <phoneticPr fontId="1"/>
  </si>
  <si>
    <t>積立金</t>
  </si>
  <si>
    <t>比率</t>
    <rPh sb="0" eb="2">
      <t>ヒリツ</t>
    </rPh>
    <phoneticPr fontId="1"/>
  </si>
  <si>
    <t>現在高比率</t>
  </si>
  <si>
    <t>現在高比率</t>
    <rPh sb="0" eb="3">
      <t>ゲンザイダカ</t>
    </rPh>
    <rPh sb="3" eb="5">
      <t>ヒリツ</t>
    </rPh>
    <phoneticPr fontId="1"/>
  </si>
  <si>
    <t>現在高比率</t>
    <rPh sb="0" eb="2">
      <t>ゲンザイ</t>
    </rPh>
    <rPh sb="2" eb="3">
      <t>ダカ</t>
    </rPh>
    <rPh sb="3" eb="5">
      <t>ヒリツ</t>
    </rPh>
    <phoneticPr fontId="1"/>
  </si>
  <si>
    <t>経費比率</t>
    <rPh sb="0" eb="2">
      <t>ケイヒ</t>
    </rPh>
    <rPh sb="2" eb="4">
      <t>ヒリツ</t>
    </rPh>
    <phoneticPr fontId="1"/>
  </si>
  <si>
    <t>現在高</t>
    <rPh sb="0" eb="2">
      <t>ゲンザイ</t>
    </rPh>
    <rPh sb="2" eb="3">
      <t>ダカ</t>
    </rPh>
    <phoneticPr fontId="1"/>
  </si>
  <si>
    <t>義務的経費</t>
    <rPh sb="0" eb="3">
      <t>ギムテキ</t>
    </rPh>
    <rPh sb="3" eb="5">
      <t>ケイヒ</t>
    </rPh>
    <phoneticPr fontId="1"/>
  </si>
  <si>
    <t>自主財源</t>
  </si>
  <si>
    <t>÷標準財政規模</t>
    <rPh sb="1" eb="3">
      <t>ヒョウジュン</t>
    </rPh>
    <rPh sb="3" eb="5">
      <t>ザイセイ</t>
    </rPh>
    <rPh sb="5" eb="7">
      <t>キボ</t>
    </rPh>
    <phoneticPr fontId="1"/>
  </si>
  <si>
    <t>÷歳出総額</t>
    <rPh sb="1" eb="3">
      <t>サイシュツ</t>
    </rPh>
    <rPh sb="3" eb="5">
      <t>ソウガク</t>
    </rPh>
    <phoneticPr fontId="1"/>
  </si>
  <si>
    <t>÷歳入総額</t>
    <rPh sb="1" eb="3">
      <t>サイニュウ</t>
    </rPh>
    <rPh sb="3" eb="5">
      <t>ソウガク</t>
    </rPh>
    <phoneticPr fontId="1"/>
  </si>
  <si>
    <t>自主財源</t>
    <phoneticPr fontId="1"/>
  </si>
  <si>
    <t>比率</t>
    <phoneticPr fontId="1"/>
  </si>
  <si>
    <t>実質収支</t>
    <phoneticPr fontId="1"/>
  </si>
  <si>
    <t>積立金</t>
    <phoneticPr fontId="1"/>
  </si>
  <si>
    <t>財政調整基金</t>
    <phoneticPr fontId="1"/>
  </si>
  <si>
    <t>義務的</t>
    <phoneticPr fontId="1"/>
  </si>
  <si>
    <t>地方債</t>
    <phoneticPr fontId="1"/>
  </si>
  <si>
    <t>公債費負担</t>
    <phoneticPr fontId="1"/>
  </si>
  <si>
    <t>財政力指数</t>
    <rPh sb="0" eb="3">
      <t>ザイセイリョク</t>
    </rPh>
    <rPh sb="3" eb="5">
      <t>シスウ</t>
    </rPh>
    <phoneticPr fontId="1"/>
  </si>
  <si>
    <t>横浜市</t>
    <phoneticPr fontId="1"/>
  </si>
  <si>
    <t>川崎市</t>
    <phoneticPr fontId="1"/>
  </si>
  <si>
    <t>相模原市</t>
    <phoneticPr fontId="1"/>
  </si>
  <si>
    <t>横須賀市</t>
    <phoneticPr fontId="1"/>
  </si>
  <si>
    <t>平塚市</t>
    <phoneticPr fontId="1"/>
  </si>
  <si>
    <t>鎌倉市</t>
    <phoneticPr fontId="1"/>
  </si>
  <si>
    <t>藤沢市</t>
    <phoneticPr fontId="1"/>
  </si>
  <si>
    <t>小田原市</t>
    <phoneticPr fontId="1"/>
  </si>
  <si>
    <t>茅ヶ崎市</t>
    <phoneticPr fontId="1"/>
  </si>
  <si>
    <t>逗子市</t>
    <phoneticPr fontId="1"/>
  </si>
  <si>
    <t>三浦市</t>
    <phoneticPr fontId="1"/>
  </si>
  <si>
    <t>秦野市</t>
    <phoneticPr fontId="1"/>
  </si>
  <si>
    <t>厚木市</t>
    <phoneticPr fontId="1"/>
  </si>
  <si>
    <t>大和市</t>
    <phoneticPr fontId="1"/>
  </si>
  <si>
    <t>伊勢原市</t>
    <phoneticPr fontId="1"/>
  </si>
  <si>
    <t>海老名市</t>
    <phoneticPr fontId="1"/>
  </si>
  <si>
    <t>座間市</t>
    <phoneticPr fontId="1"/>
  </si>
  <si>
    <t>南足柄市</t>
    <phoneticPr fontId="1"/>
  </si>
  <si>
    <t>綾瀬市</t>
    <phoneticPr fontId="1"/>
  </si>
  <si>
    <t>葉山町</t>
    <phoneticPr fontId="1"/>
  </si>
  <si>
    <t>寒川町</t>
    <phoneticPr fontId="1"/>
  </si>
  <si>
    <t>大磯町</t>
    <phoneticPr fontId="1"/>
  </si>
  <si>
    <t>二宮町</t>
    <phoneticPr fontId="1"/>
  </si>
  <si>
    <t>中井町</t>
    <phoneticPr fontId="1"/>
  </si>
  <si>
    <t>大井町</t>
    <phoneticPr fontId="1"/>
  </si>
  <si>
    <t>松田町</t>
    <phoneticPr fontId="1"/>
  </si>
  <si>
    <t>山北町</t>
    <phoneticPr fontId="1"/>
  </si>
  <si>
    <t>開成町</t>
    <phoneticPr fontId="1"/>
  </si>
  <si>
    <t>箱根町</t>
    <phoneticPr fontId="1"/>
  </si>
  <si>
    <t>真鶴町</t>
    <phoneticPr fontId="1"/>
  </si>
  <si>
    <t>湯河原町</t>
    <phoneticPr fontId="1"/>
  </si>
  <si>
    <t>愛川町</t>
    <phoneticPr fontId="1"/>
  </si>
  <si>
    <t>清川村</t>
    <phoneticPr fontId="1"/>
  </si>
  <si>
    <t>市町村計</t>
    <phoneticPr fontId="1"/>
  </si>
  <si>
    <t>を除いた</t>
    <rPh sb="1" eb="2">
      <t>ノゾ</t>
    </rPh>
    <phoneticPr fontId="1"/>
  </si>
  <si>
    <t>経常収支比率</t>
    <rPh sb="0" eb="6">
      <t>ケイジョウシュウシヒリツ</t>
    </rPh>
    <phoneticPr fontId="1"/>
  </si>
  <si>
    <t>減収補塡債</t>
    <rPh sb="3" eb="4">
      <t>ウズマル</t>
    </rPh>
    <phoneticPr fontId="1"/>
  </si>
  <si>
    <t>特例分及び</t>
    <phoneticPr fontId="1"/>
  </si>
  <si>
    <t>臨時財政対策債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#,##0.0;&quot;▲ &quot;#,##0.0"/>
    <numFmt numFmtId="177" formatCode="#,##0;&quot;▲ &quot;#,##0"/>
    <numFmt numFmtId="178" formatCode="#,##0.00;&quot;▲ &quot;#,##0.00"/>
  </numFmts>
  <fonts count="5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color rgb="FFFF0000"/>
      <name val="ＭＳ ゴシック"/>
      <family val="3"/>
      <charset val="128"/>
    </font>
    <font>
      <sz val="9"/>
      <name val="ＭＳ ゴシック"/>
      <family val="3"/>
      <charset val="128"/>
    </font>
    <font>
      <sz val="7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9">
    <xf numFmtId="0" fontId="0" fillId="0" borderId="0" xfId="0">
      <alignment vertical="center"/>
    </xf>
    <xf numFmtId="0" fontId="2" fillId="0" borderId="0" xfId="0" applyNumberFormat="1" applyFont="1" applyBorder="1" applyAlignment="1">
      <alignment horizontal="center" vertical="center" shrinkToFit="1"/>
    </xf>
    <xf numFmtId="177" fontId="2" fillId="0" borderId="0" xfId="0" applyNumberFormat="1" applyFont="1" applyAlignment="1">
      <alignment vertical="center" shrinkToFit="1"/>
    </xf>
    <xf numFmtId="177" fontId="2" fillId="0" borderId="0" xfId="0" applyNumberFormat="1" applyFont="1" applyBorder="1" applyAlignment="1">
      <alignment vertical="center" shrinkToFit="1"/>
    </xf>
    <xf numFmtId="0" fontId="3" fillId="0" borderId="2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4" xfId="0" quotePrefix="1" applyNumberFormat="1" applyFont="1" applyBorder="1" applyAlignment="1">
      <alignment horizontal="center" vertical="center" shrinkToFit="1"/>
    </xf>
    <xf numFmtId="0" fontId="3" fillId="0" borderId="6" xfId="0" applyNumberFormat="1" applyFont="1" applyBorder="1" applyAlignment="1">
      <alignment horizontal="center" vertical="center" shrinkToFit="1"/>
    </xf>
    <xf numFmtId="177" fontId="3" fillId="0" borderId="0" xfId="0" applyNumberFormat="1" applyFont="1" applyAlignment="1">
      <alignment vertical="center" shrinkToFit="1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3" fillId="0" borderId="5" xfId="0" applyNumberFormat="1" applyFont="1" applyBorder="1" applyAlignment="1">
      <alignment horizontal="center" vertical="center" shrinkToFit="1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2" borderId="10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3" fillId="0" borderId="7" xfId="0" applyNumberFormat="1" applyFont="1" applyBorder="1" applyAlignment="1">
      <alignment vertical="center" shrinkToFit="1"/>
    </xf>
    <xf numFmtId="176" fontId="3" fillId="0" borderId="8" xfId="0" applyNumberFormat="1" applyFont="1" applyBorder="1" applyAlignment="1">
      <alignment vertical="center" shrinkToFit="1"/>
    </xf>
    <xf numFmtId="176" fontId="3" fillId="0" borderId="9" xfId="0" applyNumberFormat="1" applyFont="1" applyBorder="1" applyAlignment="1">
      <alignment vertical="center" shrinkToFit="1"/>
    </xf>
    <xf numFmtId="176" fontId="3" fillId="2" borderId="10" xfId="0" applyNumberFormat="1" applyFont="1" applyFill="1" applyBorder="1" applyAlignment="1">
      <alignment vertical="center" shrinkToFit="1"/>
    </xf>
    <xf numFmtId="0" fontId="3" fillId="0" borderId="11" xfId="0" applyFont="1" applyBorder="1" applyAlignment="1">
      <alignment horizontal="center" vertical="center"/>
    </xf>
    <xf numFmtId="176" fontId="3" fillId="0" borderId="11" xfId="0" applyNumberFormat="1" applyFont="1" applyBorder="1" applyAlignment="1">
      <alignment vertical="center" shrinkToFit="1"/>
    </xf>
    <xf numFmtId="178" fontId="3" fillId="0" borderId="7" xfId="0" applyNumberFormat="1" applyFont="1" applyBorder="1" applyAlignment="1">
      <alignment vertical="center" shrinkToFit="1"/>
    </xf>
    <xf numFmtId="178" fontId="3" fillId="0" borderId="8" xfId="0" applyNumberFormat="1" applyFont="1" applyBorder="1" applyAlignment="1">
      <alignment vertical="center" shrinkToFit="1"/>
    </xf>
    <xf numFmtId="178" fontId="3" fillId="0" borderId="11" xfId="0" applyNumberFormat="1" applyFont="1" applyBorder="1" applyAlignment="1">
      <alignment vertical="center" shrinkToFit="1"/>
    </xf>
    <xf numFmtId="178" fontId="3" fillId="0" borderId="9" xfId="0" applyNumberFormat="1" applyFont="1" applyBorder="1" applyAlignment="1">
      <alignment vertical="center" shrinkToFit="1"/>
    </xf>
    <xf numFmtId="178" fontId="3" fillId="2" borderId="10" xfId="0" applyNumberFormat="1" applyFont="1" applyFill="1" applyBorder="1" applyAlignment="1">
      <alignment vertical="center" shrinkToFit="1"/>
    </xf>
    <xf numFmtId="177" fontId="4" fillId="0" borderId="0" xfId="0" applyNumberFormat="1" applyFont="1" applyAlignment="1">
      <alignment vertical="center" wrapText="1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-9e665f\disk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M40"/>
  <sheetViews>
    <sheetView tabSelected="1" view="pageBreakPreview" topLeftCell="A16" zoomScaleNormal="85" zoomScaleSheetLayoutView="100" workbookViewId="0">
      <selection activeCell="B39" sqref="B39"/>
    </sheetView>
  </sheetViews>
  <sheetFormatPr defaultColWidth="9.19921875" defaultRowHeight="10.8"/>
  <cols>
    <col min="1" max="1" width="14.09765625" style="16" customWidth="1"/>
    <col min="2" max="13" width="9.19921875" style="8"/>
    <col min="14" max="16384" width="9.19921875" style="2"/>
  </cols>
  <sheetData>
    <row r="1" spans="1:13" s="1" customFormat="1" ht="17.25" customHeight="1">
      <c r="A1" s="9"/>
      <c r="B1" s="4" t="s">
        <v>22</v>
      </c>
      <c r="C1" s="4" t="s">
        <v>0</v>
      </c>
      <c r="D1" s="4" t="s">
        <v>0</v>
      </c>
      <c r="E1" s="4" t="s">
        <v>1</v>
      </c>
      <c r="F1" s="4" t="s">
        <v>59</v>
      </c>
      <c r="G1" s="4" t="s">
        <v>2</v>
      </c>
      <c r="H1" s="4" t="s">
        <v>17</v>
      </c>
      <c r="I1" s="4" t="s">
        <v>18</v>
      </c>
      <c r="J1" s="4" t="s">
        <v>19</v>
      </c>
      <c r="K1" s="4" t="s">
        <v>20</v>
      </c>
      <c r="L1" s="4" t="s">
        <v>14</v>
      </c>
      <c r="M1" s="4" t="s">
        <v>21</v>
      </c>
    </row>
    <row r="2" spans="1:13" s="1" customFormat="1" ht="17.25" customHeight="1">
      <c r="A2" s="10"/>
      <c r="B2" s="5"/>
      <c r="C2" s="5" t="s">
        <v>3</v>
      </c>
      <c r="D2" s="5" t="s">
        <v>15</v>
      </c>
      <c r="E2" s="5" t="s">
        <v>3</v>
      </c>
      <c r="F2" s="5" t="s">
        <v>60</v>
      </c>
      <c r="G2" s="5" t="s">
        <v>4</v>
      </c>
      <c r="H2" s="5" t="s">
        <v>5</v>
      </c>
      <c r="I2" s="5" t="s">
        <v>6</v>
      </c>
      <c r="J2" s="5" t="s">
        <v>7</v>
      </c>
      <c r="K2" s="5" t="s">
        <v>6</v>
      </c>
      <c r="L2" s="5" t="s">
        <v>3</v>
      </c>
      <c r="M2" s="5" t="s">
        <v>3</v>
      </c>
    </row>
    <row r="3" spans="1:13" s="1" customFormat="1" ht="17.25" customHeight="1">
      <c r="A3" s="10"/>
      <c r="B3" s="5"/>
      <c r="C3" s="5"/>
      <c r="D3" s="5"/>
      <c r="E3" s="5"/>
      <c r="F3" s="5" t="s">
        <v>61</v>
      </c>
      <c r="G3" s="5"/>
      <c r="H3" s="5"/>
      <c r="I3" s="5"/>
      <c r="J3" s="5"/>
      <c r="K3" s="5"/>
      <c r="L3" s="5"/>
      <c r="M3" s="5"/>
    </row>
    <row r="4" spans="1:13" s="1" customFormat="1" ht="17.25" customHeight="1">
      <c r="A4" s="10"/>
      <c r="B4" s="5"/>
      <c r="C4" s="5" t="s">
        <v>16</v>
      </c>
      <c r="D4" s="6" t="s">
        <v>0</v>
      </c>
      <c r="E4" s="6"/>
      <c r="F4" s="5" t="s">
        <v>57</v>
      </c>
      <c r="G4" s="5" t="s">
        <v>8</v>
      </c>
      <c r="H4" s="5" t="s">
        <v>8</v>
      </c>
      <c r="I4" s="5" t="s">
        <v>8</v>
      </c>
      <c r="J4" s="5" t="s">
        <v>9</v>
      </c>
      <c r="K4" s="5" t="s">
        <v>8</v>
      </c>
      <c r="L4" s="5" t="s">
        <v>10</v>
      </c>
      <c r="M4" s="5"/>
    </row>
    <row r="5" spans="1:13" s="1" customFormat="1" ht="17.25" customHeight="1">
      <c r="A5" s="11"/>
      <c r="B5" s="7"/>
      <c r="C5" s="7" t="s">
        <v>11</v>
      </c>
      <c r="D5" s="7" t="s">
        <v>12</v>
      </c>
      <c r="E5" s="7"/>
      <c r="F5" s="7" t="s">
        <v>58</v>
      </c>
      <c r="G5" s="7" t="s">
        <v>11</v>
      </c>
      <c r="H5" s="7" t="s">
        <v>12</v>
      </c>
      <c r="I5" s="7" t="s">
        <v>11</v>
      </c>
      <c r="J5" s="7" t="s">
        <v>12</v>
      </c>
      <c r="K5" s="7" t="s">
        <v>11</v>
      </c>
      <c r="L5" s="7" t="s">
        <v>13</v>
      </c>
      <c r="M5" s="7"/>
    </row>
    <row r="6" spans="1:13" ht="17.25" customHeight="1">
      <c r="A6" s="12" t="s">
        <v>23</v>
      </c>
      <c r="B6" s="23">
        <v>0.95</v>
      </c>
      <c r="C6" s="17">
        <v>2</v>
      </c>
      <c r="D6" s="17">
        <v>1</v>
      </c>
      <c r="E6" s="17">
        <v>97.9</v>
      </c>
      <c r="F6" s="17">
        <v>101</v>
      </c>
      <c r="G6" s="17">
        <v>5.0999999999999996</v>
      </c>
      <c r="H6" s="17">
        <v>2.4</v>
      </c>
      <c r="I6" s="17">
        <v>3.2</v>
      </c>
      <c r="J6" s="17">
        <v>55.6</v>
      </c>
      <c r="K6" s="17">
        <v>237.1</v>
      </c>
      <c r="L6" s="17">
        <v>57.8</v>
      </c>
      <c r="M6" s="17">
        <v>14.9</v>
      </c>
    </row>
    <row r="7" spans="1:13" s="3" customFormat="1" ht="17.25" customHeight="1">
      <c r="A7" s="13" t="s">
        <v>24</v>
      </c>
      <c r="B7" s="24">
        <v>1.02</v>
      </c>
      <c r="C7" s="18">
        <v>0.5</v>
      </c>
      <c r="D7" s="18">
        <v>0.3</v>
      </c>
      <c r="E7" s="18">
        <v>97.1</v>
      </c>
      <c r="F7" s="18">
        <v>97.1</v>
      </c>
      <c r="G7" s="18">
        <v>8.6999999999999993</v>
      </c>
      <c r="H7" s="18">
        <v>4.3</v>
      </c>
      <c r="I7" s="18">
        <v>2.2000000000000002</v>
      </c>
      <c r="J7" s="18">
        <v>58</v>
      </c>
      <c r="K7" s="18">
        <v>204.6</v>
      </c>
      <c r="L7" s="18">
        <v>56.9</v>
      </c>
      <c r="M7" s="18">
        <v>14.7</v>
      </c>
    </row>
    <row r="8" spans="1:13" ht="17.25" customHeight="1">
      <c r="A8" s="21" t="s">
        <v>25</v>
      </c>
      <c r="B8" s="25">
        <v>0.85</v>
      </c>
      <c r="C8" s="22">
        <v>8.9</v>
      </c>
      <c r="D8" s="22">
        <v>4.8</v>
      </c>
      <c r="E8" s="22">
        <v>96.9</v>
      </c>
      <c r="F8" s="22">
        <v>103.3</v>
      </c>
      <c r="G8" s="22">
        <v>22.2</v>
      </c>
      <c r="H8" s="22">
        <v>11.9</v>
      </c>
      <c r="I8" s="22">
        <v>11.6</v>
      </c>
      <c r="J8" s="22">
        <v>62.1</v>
      </c>
      <c r="K8" s="22">
        <v>147.1</v>
      </c>
      <c r="L8" s="22">
        <v>50</v>
      </c>
      <c r="M8" s="22">
        <v>12.9</v>
      </c>
    </row>
    <row r="9" spans="1:13" ht="17.25" customHeight="1">
      <c r="A9" s="13" t="s">
        <v>26</v>
      </c>
      <c r="B9" s="24">
        <v>0.77</v>
      </c>
      <c r="C9" s="18">
        <v>8.1999999999999993</v>
      </c>
      <c r="D9" s="18">
        <v>4</v>
      </c>
      <c r="E9" s="18">
        <v>99.1</v>
      </c>
      <c r="F9" s="18">
        <v>103.5</v>
      </c>
      <c r="G9" s="18">
        <v>21.6</v>
      </c>
      <c r="H9" s="18">
        <v>10.6</v>
      </c>
      <c r="I9" s="18">
        <v>12.7</v>
      </c>
      <c r="J9" s="18">
        <v>51.7</v>
      </c>
      <c r="K9" s="18">
        <v>222.9</v>
      </c>
      <c r="L9" s="18">
        <v>44.2</v>
      </c>
      <c r="M9" s="18">
        <v>14.9</v>
      </c>
    </row>
    <row r="10" spans="1:13" s="3" customFormat="1" ht="17.25" customHeight="1">
      <c r="A10" s="13" t="s">
        <v>27</v>
      </c>
      <c r="B10" s="24">
        <v>0.95</v>
      </c>
      <c r="C10" s="18">
        <v>6.8</v>
      </c>
      <c r="D10" s="18">
        <v>3.6</v>
      </c>
      <c r="E10" s="18">
        <v>96.7</v>
      </c>
      <c r="F10" s="18">
        <v>98.4</v>
      </c>
      <c r="G10" s="18">
        <v>31.9</v>
      </c>
      <c r="H10" s="18">
        <v>16.899999999999999</v>
      </c>
      <c r="I10" s="18">
        <v>14</v>
      </c>
      <c r="J10" s="18">
        <v>52.8</v>
      </c>
      <c r="K10" s="18">
        <v>108.7</v>
      </c>
      <c r="L10" s="18">
        <v>57.8</v>
      </c>
      <c r="M10" s="18">
        <v>9.9</v>
      </c>
    </row>
    <row r="11" spans="1:13" s="3" customFormat="1" ht="17.25" customHeight="1">
      <c r="A11" s="13" t="s">
        <v>28</v>
      </c>
      <c r="B11" s="24">
        <v>1.07</v>
      </c>
      <c r="C11" s="18">
        <v>10</v>
      </c>
      <c r="D11" s="18">
        <v>5.5</v>
      </c>
      <c r="E11" s="18">
        <v>94</v>
      </c>
      <c r="F11" s="18">
        <v>94</v>
      </c>
      <c r="G11" s="18">
        <v>38.799999999999997</v>
      </c>
      <c r="H11" s="18">
        <v>21.4</v>
      </c>
      <c r="I11" s="18">
        <v>20.9</v>
      </c>
      <c r="J11" s="18">
        <v>46.6</v>
      </c>
      <c r="K11" s="18">
        <v>79.5</v>
      </c>
      <c r="L11" s="18">
        <v>64.5</v>
      </c>
      <c r="M11" s="18">
        <v>8.1</v>
      </c>
    </row>
    <row r="12" spans="1:13" s="3" customFormat="1" ht="17.25" customHeight="1">
      <c r="A12" s="13" t="s">
        <v>29</v>
      </c>
      <c r="B12" s="24">
        <v>1.05</v>
      </c>
      <c r="C12" s="18">
        <v>6</v>
      </c>
      <c r="D12" s="18">
        <v>3</v>
      </c>
      <c r="E12" s="18">
        <v>92.6</v>
      </c>
      <c r="F12" s="18">
        <v>92.6</v>
      </c>
      <c r="G12" s="18">
        <v>25</v>
      </c>
      <c r="H12" s="18">
        <v>12.7</v>
      </c>
      <c r="I12" s="18">
        <v>14.4</v>
      </c>
      <c r="J12" s="18">
        <v>50.4</v>
      </c>
      <c r="K12" s="18">
        <v>92.2</v>
      </c>
      <c r="L12" s="18">
        <v>59.5</v>
      </c>
      <c r="M12" s="18">
        <v>8.5</v>
      </c>
    </row>
    <row r="13" spans="1:13" s="3" customFormat="1" ht="17.25" customHeight="1">
      <c r="A13" s="13" t="s">
        <v>30</v>
      </c>
      <c r="B13" s="24">
        <v>0.93</v>
      </c>
      <c r="C13" s="18">
        <v>10.4</v>
      </c>
      <c r="D13" s="18">
        <v>5.2</v>
      </c>
      <c r="E13" s="18">
        <v>93.8</v>
      </c>
      <c r="F13" s="18">
        <v>96.6</v>
      </c>
      <c r="G13" s="18">
        <v>22.6</v>
      </c>
      <c r="H13" s="18">
        <v>11.2</v>
      </c>
      <c r="I13" s="18">
        <v>15.3</v>
      </c>
      <c r="J13" s="18">
        <v>52.3</v>
      </c>
      <c r="K13" s="18">
        <v>147.4</v>
      </c>
      <c r="L13" s="18">
        <v>55.5</v>
      </c>
      <c r="M13" s="18">
        <v>9.6</v>
      </c>
    </row>
    <row r="14" spans="1:13" s="3" customFormat="1" ht="17.25" customHeight="1">
      <c r="A14" s="13" t="s">
        <v>31</v>
      </c>
      <c r="B14" s="24">
        <v>0.92</v>
      </c>
      <c r="C14" s="18">
        <v>16</v>
      </c>
      <c r="D14" s="18">
        <v>8.1999999999999993</v>
      </c>
      <c r="E14" s="18">
        <v>96.3</v>
      </c>
      <c r="F14" s="18">
        <v>99</v>
      </c>
      <c r="G14" s="18">
        <v>29.9</v>
      </c>
      <c r="H14" s="18">
        <v>15.3</v>
      </c>
      <c r="I14" s="18">
        <v>11.6</v>
      </c>
      <c r="J14" s="18">
        <v>51.3</v>
      </c>
      <c r="K14" s="18">
        <v>136.1</v>
      </c>
      <c r="L14" s="18">
        <v>58</v>
      </c>
      <c r="M14" s="18">
        <v>9.1999999999999993</v>
      </c>
    </row>
    <row r="15" spans="1:13" s="3" customFormat="1" ht="17.25" customHeight="1">
      <c r="A15" s="13" t="s">
        <v>32</v>
      </c>
      <c r="B15" s="24">
        <v>0.81</v>
      </c>
      <c r="C15" s="18">
        <v>15.3</v>
      </c>
      <c r="D15" s="18">
        <v>8.5</v>
      </c>
      <c r="E15" s="18">
        <v>93.5</v>
      </c>
      <c r="F15" s="18">
        <v>95.7</v>
      </c>
      <c r="G15" s="18">
        <v>41.1</v>
      </c>
      <c r="H15" s="18">
        <v>22.9</v>
      </c>
      <c r="I15" s="18">
        <v>23.4</v>
      </c>
      <c r="J15" s="18">
        <v>51.6</v>
      </c>
      <c r="K15" s="18">
        <v>126.4</v>
      </c>
      <c r="L15" s="18">
        <v>55.7</v>
      </c>
      <c r="M15" s="18">
        <v>11</v>
      </c>
    </row>
    <row r="16" spans="1:13" s="3" customFormat="1" ht="17.25" customHeight="1">
      <c r="A16" s="13" t="s">
        <v>33</v>
      </c>
      <c r="B16" s="24">
        <v>0.56999999999999995</v>
      </c>
      <c r="C16" s="18">
        <v>5.0999999999999996</v>
      </c>
      <c r="D16" s="18">
        <v>2.8</v>
      </c>
      <c r="E16" s="18">
        <v>100.6</v>
      </c>
      <c r="F16" s="18">
        <v>102.6</v>
      </c>
      <c r="G16" s="18">
        <v>41.8</v>
      </c>
      <c r="H16" s="18">
        <v>22.6</v>
      </c>
      <c r="I16" s="18">
        <v>9.6999999999999993</v>
      </c>
      <c r="J16" s="18">
        <v>47</v>
      </c>
      <c r="K16" s="18">
        <v>204</v>
      </c>
      <c r="L16" s="18">
        <v>42.3</v>
      </c>
      <c r="M16" s="18">
        <v>13.9</v>
      </c>
    </row>
    <row r="17" spans="1:13" s="3" customFormat="1" ht="17.25" customHeight="1">
      <c r="A17" s="13" t="s">
        <v>34</v>
      </c>
      <c r="B17" s="24">
        <v>0.82</v>
      </c>
      <c r="C17" s="18">
        <v>9</v>
      </c>
      <c r="D17" s="18">
        <v>5.0999999999999996</v>
      </c>
      <c r="E17" s="18">
        <v>95.7</v>
      </c>
      <c r="F17" s="18">
        <v>98.3</v>
      </c>
      <c r="G17" s="18">
        <v>18.399999999999999</v>
      </c>
      <c r="H17" s="18">
        <v>10.5</v>
      </c>
      <c r="I17" s="18">
        <v>13.9</v>
      </c>
      <c r="J17" s="18">
        <v>54.5</v>
      </c>
      <c r="K17" s="18">
        <v>108.6</v>
      </c>
      <c r="L17" s="18">
        <v>50</v>
      </c>
      <c r="M17" s="18">
        <v>9</v>
      </c>
    </row>
    <row r="18" spans="1:13" s="3" customFormat="1" ht="17.25" customHeight="1">
      <c r="A18" s="13" t="s">
        <v>35</v>
      </c>
      <c r="B18" s="24">
        <v>1.18</v>
      </c>
      <c r="C18" s="18">
        <v>10.5</v>
      </c>
      <c r="D18" s="18">
        <v>5.0999999999999996</v>
      </c>
      <c r="E18" s="18">
        <v>88.4</v>
      </c>
      <c r="F18" s="18">
        <v>88.4</v>
      </c>
      <c r="G18" s="18">
        <v>57.2</v>
      </c>
      <c r="H18" s="18">
        <v>27.9</v>
      </c>
      <c r="I18" s="18">
        <v>28.6</v>
      </c>
      <c r="J18" s="18">
        <v>46.7</v>
      </c>
      <c r="K18" s="18">
        <v>127.3</v>
      </c>
      <c r="L18" s="18">
        <v>60.4</v>
      </c>
      <c r="M18" s="18">
        <v>7.5</v>
      </c>
    </row>
    <row r="19" spans="1:13" s="3" customFormat="1" ht="17.25" customHeight="1">
      <c r="A19" s="13" t="s">
        <v>36</v>
      </c>
      <c r="B19" s="24">
        <v>0.94</v>
      </c>
      <c r="C19" s="18">
        <v>8.1</v>
      </c>
      <c r="D19" s="18">
        <v>4.2</v>
      </c>
      <c r="E19" s="18">
        <v>96.8</v>
      </c>
      <c r="F19" s="18">
        <v>99</v>
      </c>
      <c r="G19" s="18">
        <v>18.100000000000001</v>
      </c>
      <c r="H19" s="18">
        <v>9.3000000000000007</v>
      </c>
      <c r="I19" s="18">
        <v>14.8</v>
      </c>
      <c r="J19" s="18">
        <v>54.2</v>
      </c>
      <c r="K19" s="18">
        <v>129.4</v>
      </c>
      <c r="L19" s="18">
        <v>50.6</v>
      </c>
      <c r="M19" s="18">
        <v>9.9</v>
      </c>
    </row>
    <row r="20" spans="1:13" s="3" customFormat="1" ht="17.25" customHeight="1">
      <c r="A20" s="13" t="s">
        <v>37</v>
      </c>
      <c r="B20" s="24">
        <v>0.93</v>
      </c>
      <c r="C20" s="18">
        <v>9.5</v>
      </c>
      <c r="D20" s="18">
        <v>5.3</v>
      </c>
      <c r="E20" s="18">
        <v>96.8</v>
      </c>
      <c r="F20" s="18">
        <v>98.5</v>
      </c>
      <c r="G20" s="18">
        <v>14.4</v>
      </c>
      <c r="H20" s="18">
        <v>8.1</v>
      </c>
      <c r="I20" s="18">
        <v>11.4</v>
      </c>
      <c r="J20" s="18">
        <v>56.2</v>
      </c>
      <c r="K20" s="18">
        <v>101</v>
      </c>
      <c r="L20" s="18">
        <v>54.8</v>
      </c>
      <c r="M20" s="18">
        <v>11.1</v>
      </c>
    </row>
    <row r="21" spans="1:13" s="3" customFormat="1" ht="17.25" customHeight="1">
      <c r="A21" s="13" t="s">
        <v>38</v>
      </c>
      <c r="B21" s="24">
        <v>1.03</v>
      </c>
      <c r="C21" s="18">
        <v>7.8</v>
      </c>
      <c r="D21" s="18">
        <v>4</v>
      </c>
      <c r="E21" s="18">
        <v>93.8</v>
      </c>
      <c r="F21" s="18">
        <v>93.8</v>
      </c>
      <c r="G21" s="18">
        <v>32.1</v>
      </c>
      <c r="H21" s="18">
        <v>16.399999999999999</v>
      </c>
      <c r="I21" s="18">
        <v>11.5</v>
      </c>
      <c r="J21" s="18">
        <v>46.4</v>
      </c>
      <c r="K21" s="18">
        <v>105.2</v>
      </c>
      <c r="L21" s="18">
        <v>60.9</v>
      </c>
      <c r="M21" s="18">
        <v>8.1</v>
      </c>
    </row>
    <row r="22" spans="1:13" s="3" customFormat="1" ht="17.25" customHeight="1">
      <c r="A22" s="13" t="s">
        <v>39</v>
      </c>
      <c r="B22" s="24">
        <v>0.86</v>
      </c>
      <c r="C22" s="18">
        <v>8.3000000000000007</v>
      </c>
      <c r="D22" s="18">
        <v>4.4000000000000004</v>
      </c>
      <c r="E22" s="18">
        <v>99.4</v>
      </c>
      <c r="F22" s="18">
        <v>99.4</v>
      </c>
      <c r="G22" s="18">
        <v>14.8</v>
      </c>
      <c r="H22" s="18">
        <v>7.9</v>
      </c>
      <c r="I22" s="18">
        <v>10.4</v>
      </c>
      <c r="J22" s="18">
        <v>54.3</v>
      </c>
      <c r="K22" s="18">
        <v>99.1</v>
      </c>
      <c r="L22" s="18">
        <v>52.5</v>
      </c>
      <c r="M22" s="18">
        <v>7.8</v>
      </c>
    </row>
    <row r="23" spans="1:13" s="3" customFormat="1" ht="17.25" customHeight="1">
      <c r="A23" s="13" t="s">
        <v>40</v>
      </c>
      <c r="B23" s="24">
        <v>0.82</v>
      </c>
      <c r="C23" s="18">
        <v>7.2</v>
      </c>
      <c r="D23" s="18">
        <v>3.6</v>
      </c>
      <c r="E23" s="18">
        <v>99.8</v>
      </c>
      <c r="F23" s="18">
        <v>102.5</v>
      </c>
      <c r="G23" s="18">
        <v>75.8</v>
      </c>
      <c r="H23" s="18">
        <v>37.9</v>
      </c>
      <c r="I23" s="18">
        <v>35.5</v>
      </c>
      <c r="J23" s="18">
        <v>42.9</v>
      </c>
      <c r="K23" s="18">
        <v>161.6</v>
      </c>
      <c r="L23" s="18">
        <v>61.4</v>
      </c>
      <c r="M23" s="18">
        <v>9.4</v>
      </c>
    </row>
    <row r="24" spans="1:13" ht="17.25" customHeight="1">
      <c r="A24" s="21" t="s">
        <v>41</v>
      </c>
      <c r="B24" s="25">
        <v>0.87</v>
      </c>
      <c r="C24" s="22">
        <v>9.8000000000000007</v>
      </c>
      <c r="D24" s="22">
        <v>5</v>
      </c>
      <c r="E24" s="22">
        <v>94.4</v>
      </c>
      <c r="F24" s="22">
        <v>94.4</v>
      </c>
      <c r="G24" s="22">
        <v>37.9</v>
      </c>
      <c r="H24" s="22">
        <v>19.399999999999999</v>
      </c>
      <c r="I24" s="22">
        <v>18.2</v>
      </c>
      <c r="J24" s="22">
        <v>50</v>
      </c>
      <c r="K24" s="22">
        <v>85.4</v>
      </c>
      <c r="L24" s="22">
        <v>50.8</v>
      </c>
      <c r="M24" s="22">
        <v>7.8</v>
      </c>
    </row>
    <row r="25" spans="1:13" ht="17.25" customHeight="1">
      <c r="A25" s="13" t="s">
        <v>42</v>
      </c>
      <c r="B25" s="24">
        <v>0.83</v>
      </c>
      <c r="C25" s="18">
        <v>9.1</v>
      </c>
      <c r="D25" s="18">
        <v>5.5</v>
      </c>
      <c r="E25" s="18">
        <v>91.1</v>
      </c>
      <c r="F25" s="18">
        <v>93.6</v>
      </c>
      <c r="G25" s="18">
        <v>48.2</v>
      </c>
      <c r="H25" s="18">
        <v>28.8</v>
      </c>
      <c r="I25" s="18">
        <v>19</v>
      </c>
      <c r="J25" s="18">
        <v>45.1</v>
      </c>
      <c r="K25" s="18">
        <v>78.400000000000006</v>
      </c>
      <c r="L25" s="18">
        <v>58.9</v>
      </c>
      <c r="M25" s="18">
        <v>5.4</v>
      </c>
    </row>
    <row r="26" spans="1:13" s="3" customFormat="1" ht="17.25" customHeight="1">
      <c r="A26" s="13" t="s">
        <v>43</v>
      </c>
      <c r="B26" s="24">
        <v>1.07</v>
      </c>
      <c r="C26" s="18">
        <v>18.8</v>
      </c>
      <c r="D26" s="18">
        <v>10.3</v>
      </c>
      <c r="E26" s="18">
        <v>90.8</v>
      </c>
      <c r="F26" s="18">
        <v>90.8</v>
      </c>
      <c r="G26" s="18">
        <v>44.6</v>
      </c>
      <c r="H26" s="18">
        <v>24.4</v>
      </c>
      <c r="I26" s="18">
        <v>30.8</v>
      </c>
      <c r="J26" s="18">
        <v>42.5</v>
      </c>
      <c r="K26" s="18">
        <v>66.3</v>
      </c>
      <c r="L26" s="18">
        <v>66.099999999999994</v>
      </c>
      <c r="M26" s="18">
        <v>7.3</v>
      </c>
    </row>
    <row r="27" spans="1:13" s="3" customFormat="1" ht="17.25" customHeight="1">
      <c r="A27" s="13" t="s">
        <v>44</v>
      </c>
      <c r="B27" s="24">
        <v>0.79</v>
      </c>
      <c r="C27" s="18">
        <v>10.4</v>
      </c>
      <c r="D27" s="18">
        <v>6.7</v>
      </c>
      <c r="E27" s="18">
        <v>85.4</v>
      </c>
      <c r="F27" s="18">
        <v>87.8</v>
      </c>
      <c r="G27" s="18">
        <v>58.9</v>
      </c>
      <c r="H27" s="18">
        <v>37.799999999999997</v>
      </c>
      <c r="I27" s="18">
        <v>17.600000000000001</v>
      </c>
      <c r="J27" s="18">
        <v>46.6</v>
      </c>
      <c r="K27" s="18">
        <v>108.1</v>
      </c>
      <c r="L27" s="18">
        <v>56.4</v>
      </c>
      <c r="M27" s="18">
        <v>7.6</v>
      </c>
    </row>
    <row r="28" spans="1:13" s="3" customFormat="1" ht="17.25" customHeight="1">
      <c r="A28" s="13" t="s">
        <v>45</v>
      </c>
      <c r="B28" s="24">
        <v>0.66</v>
      </c>
      <c r="C28" s="18">
        <v>7.8</v>
      </c>
      <c r="D28" s="18">
        <v>5</v>
      </c>
      <c r="E28" s="18">
        <v>94.9</v>
      </c>
      <c r="F28" s="18">
        <v>97.6</v>
      </c>
      <c r="G28" s="18">
        <v>39.5</v>
      </c>
      <c r="H28" s="18">
        <v>25.3</v>
      </c>
      <c r="I28" s="18">
        <v>16</v>
      </c>
      <c r="J28" s="18">
        <v>47.5</v>
      </c>
      <c r="K28" s="18">
        <v>113.7</v>
      </c>
      <c r="L28" s="18">
        <v>45.8</v>
      </c>
      <c r="M28" s="18">
        <v>9.4</v>
      </c>
    </row>
    <row r="29" spans="1:13" s="3" customFormat="1" ht="17.25" customHeight="1">
      <c r="A29" s="13" t="s">
        <v>46</v>
      </c>
      <c r="B29" s="24">
        <v>0.95</v>
      </c>
      <c r="C29" s="18">
        <v>12.3</v>
      </c>
      <c r="D29" s="18">
        <v>9.1999999999999993</v>
      </c>
      <c r="E29" s="18">
        <v>77.900000000000006</v>
      </c>
      <c r="F29" s="18">
        <v>77.900000000000006</v>
      </c>
      <c r="G29" s="18">
        <v>88.5</v>
      </c>
      <c r="H29" s="18">
        <v>66.5</v>
      </c>
      <c r="I29" s="18">
        <v>58</v>
      </c>
      <c r="J29" s="18">
        <v>36.5</v>
      </c>
      <c r="K29" s="18">
        <v>10.8</v>
      </c>
      <c r="L29" s="18">
        <v>68.8</v>
      </c>
      <c r="M29" s="18">
        <v>2.1</v>
      </c>
    </row>
    <row r="30" spans="1:13" s="3" customFormat="1" ht="17.25" customHeight="1">
      <c r="A30" s="13" t="s">
        <v>47</v>
      </c>
      <c r="B30" s="24">
        <v>0.76</v>
      </c>
      <c r="C30" s="18">
        <v>9.9</v>
      </c>
      <c r="D30" s="18">
        <v>6.7</v>
      </c>
      <c r="E30" s="18">
        <v>87</v>
      </c>
      <c r="F30" s="18">
        <v>87</v>
      </c>
      <c r="G30" s="18">
        <v>40.700000000000003</v>
      </c>
      <c r="H30" s="18">
        <v>27.6</v>
      </c>
      <c r="I30" s="18">
        <v>32.5</v>
      </c>
      <c r="J30" s="18">
        <v>42.5</v>
      </c>
      <c r="K30" s="18">
        <v>75.2</v>
      </c>
      <c r="L30" s="18">
        <v>49.9</v>
      </c>
      <c r="M30" s="18">
        <v>4.8</v>
      </c>
    </row>
    <row r="31" spans="1:13" s="3" customFormat="1" ht="17.25" customHeight="1">
      <c r="A31" s="13" t="s">
        <v>48</v>
      </c>
      <c r="B31" s="24">
        <v>0.57999999999999996</v>
      </c>
      <c r="C31" s="18">
        <v>12</v>
      </c>
      <c r="D31" s="18">
        <v>7.3</v>
      </c>
      <c r="E31" s="18">
        <v>86.7</v>
      </c>
      <c r="F31" s="18">
        <v>88.5</v>
      </c>
      <c r="G31" s="18">
        <v>62.1</v>
      </c>
      <c r="H31" s="18">
        <v>37.9</v>
      </c>
      <c r="I31" s="18">
        <v>46.6</v>
      </c>
      <c r="J31" s="18">
        <v>41</v>
      </c>
      <c r="K31" s="18">
        <v>174.5</v>
      </c>
      <c r="L31" s="18">
        <v>42.5</v>
      </c>
      <c r="M31" s="18">
        <v>10.8</v>
      </c>
    </row>
    <row r="32" spans="1:13" s="3" customFormat="1" ht="17.25" customHeight="1">
      <c r="A32" s="13" t="s">
        <v>49</v>
      </c>
      <c r="B32" s="24">
        <v>0.52</v>
      </c>
      <c r="C32" s="18">
        <v>5.9</v>
      </c>
      <c r="D32" s="18">
        <v>3.2</v>
      </c>
      <c r="E32" s="18">
        <v>86.6</v>
      </c>
      <c r="F32" s="18">
        <v>88.2</v>
      </c>
      <c r="G32" s="18">
        <v>73.400000000000006</v>
      </c>
      <c r="H32" s="18">
        <v>40.6</v>
      </c>
      <c r="I32" s="18">
        <v>25.3</v>
      </c>
      <c r="J32" s="18">
        <v>35.1</v>
      </c>
      <c r="K32" s="18">
        <v>103.6</v>
      </c>
      <c r="L32" s="18">
        <v>50.2</v>
      </c>
      <c r="M32" s="18">
        <v>8.6999999999999993</v>
      </c>
    </row>
    <row r="33" spans="1:13" s="3" customFormat="1" ht="17.25" customHeight="1">
      <c r="A33" s="13" t="s">
        <v>50</v>
      </c>
      <c r="B33" s="24">
        <v>0.86</v>
      </c>
      <c r="C33" s="18">
        <v>11.5</v>
      </c>
      <c r="D33" s="18">
        <v>7</v>
      </c>
      <c r="E33" s="18">
        <v>89.4</v>
      </c>
      <c r="F33" s="18">
        <v>91.6</v>
      </c>
      <c r="G33" s="18">
        <v>42</v>
      </c>
      <c r="H33" s="18">
        <v>25.8</v>
      </c>
      <c r="I33" s="18">
        <v>22.5</v>
      </c>
      <c r="J33" s="18">
        <v>42.6</v>
      </c>
      <c r="K33" s="18">
        <v>162.4</v>
      </c>
      <c r="L33" s="18">
        <v>56.7</v>
      </c>
      <c r="M33" s="18">
        <v>8.9</v>
      </c>
    </row>
    <row r="34" spans="1:13" s="3" customFormat="1" ht="17.25" customHeight="1">
      <c r="A34" s="13" t="s">
        <v>51</v>
      </c>
      <c r="B34" s="24">
        <v>1.33</v>
      </c>
      <c r="C34" s="18">
        <v>6.7</v>
      </c>
      <c r="D34" s="18">
        <v>3.4</v>
      </c>
      <c r="E34" s="18">
        <v>99.7</v>
      </c>
      <c r="F34" s="18">
        <v>99.7</v>
      </c>
      <c r="G34" s="18">
        <v>47.3</v>
      </c>
      <c r="H34" s="18">
        <v>24.3</v>
      </c>
      <c r="I34" s="18">
        <v>38.6</v>
      </c>
      <c r="J34" s="18">
        <v>41.5</v>
      </c>
      <c r="K34" s="18">
        <v>122.7</v>
      </c>
      <c r="L34" s="18">
        <v>83.9</v>
      </c>
      <c r="M34" s="18">
        <v>9.1</v>
      </c>
    </row>
    <row r="35" spans="1:13" s="3" customFormat="1" ht="17.25" customHeight="1">
      <c r="A35" s="13" t="s">
        <v>52</v>
      </c>
      <c r="B35" s="24">
        <v>0.4</v>
      </c>
      <c r="C35" s="18">
        <v>7.4</v>
      </c>
      <c r="D35" s="18">
        <v>4.4000000000000004</v>
      </c>
      <c r="E35" s="18">
        <v>94.5</v>
      </c>
      <c r="F35" s="18">
        <v>95.9</v>
      </c>
      <c r="G35" s="18">
        <v>30.8</v>
      </c>
      <c r="H35" s="18">
        <v>18.399999999999999</v>
      </c>
      <c r="I35" s="18">
        <v>18</v>
      </c>
      <c r="J35" s="18">
        <v>38.4</v>
      </c>
      <c r="K35" s="18">
        <v>132.19999999999999</v>
      </c>
      <c r="L35" s="18">
        <v>37.1</v>
      </c>
      <c r="M35" s="18">
        <v>12.2</v>
      </c>
    </row>
    <row r="36" spans="1:13" s="3" customFormat="1" ht="17.25" customHeight="1">
      <c r="A36" s="13" t="s">
        <v>53</v>
      </c>
      <c r="B36" s="24">
        <v>0.65</v>
      </c>
      <c r="C36" s="18">
        <v>8.6999999999999993</v>
      </c>
      <c r="D36" s="18">
        <v>5</v>
      </c>
      <c r="E36" s="18">
        <v>100.8</v>
      </c>
      <c r="F36" s="18">
        <v>103.1</v>
      </c>
      <c r="G36" s="18">
        <v>39.5</v>
      </c>
      <c r="H36" s="18">
        <v>23</v>
      </c>
      <c r="I36" s="18">
        <v>19.3</v>
      </c>
      <c r="J36" s="18">
        <v>41.8</v>
      </c>
      <c r="K36" s="18">
        <v>164.9</v>
      </c>
      <c r="L36" s="18">
        <v>54.6</v>
      </c>
      <c r="M36" s="18">
        <v>10.199999999999999</v>
      </c>
    </row>
    <row r="37" spans="1:13" s="3" customFormat="1" ht="17.25" customHeight="1">
      <c r="A37" s="13" t="s">
        <v>54</v>
      </c>
      <c r="B37" s="24">
        <v>0.97</v>
      </c>
      <c r="C37" s="18">
        <v>7.9</v>
      </c>
      <c r="D37" s="18">
        <v>4.8</v>
      </c>
      <c r="E37" s="18">
        <v>92.8</v>
      </c>
      <c r="F37" s="18">
        <v>93.7</v>
      </c>
      <c r="G37" s="18">
        <v>33.9</v>
      </c>
      <c r="H37" s="18">
        <v>20.8</v>
      </c>
      <c r="I37" s="18">
        <v>16.399999999999999</v>
      </c>
      <c r="J37" s="18">
        <v>50.2</v>
      </c>
      <c r="K37" s="18">
        <v>72.5</v>
      </c>
      <c r="L37" s="18">
        <v>62.1</v>
      </c>
      <c r="M37" s="18">
        <v>6.8</v>
      </c>
    </row>
    <row r="38" spans="1:13" ht="17.25" customHeight="1">
      <c r="A38" s="14" t="s">
        <v>55</v>
      </c>
      <c r="B38" s="26">
        <v>0.83</v>
      </c>
      <c r="C38" s="19">
        <v>5.4</v>
      </c>
      <c r="D38" s="19">
        <v>3.9</v>
      </c>
      <c r="E38" s="19">
        <v>77.5</v>
      </c>
      <c r="F38" s="19">
        <v>80.599999999999994</v>
      </c>
      <c r="G38" s="19">
        <v>147.5</v>
      </c>
      <c r="H38" s="19">
        <v>104.8</v>
      </c>
      <c r="I38" s="19">
        <v>82.2</v>
      </c>
      <c r="J38" s="19">
        <v>35</v>
      </c>
      <c r="K38" s="19">
        <v>59.2</v>
      </c>
      <c r="L38" s="19">
        <v>62.5</v>
      </c>
      <c r="M38" s="19">
        <v>2</v>
      </c>
    </row>
    <row r="39" spans="1:13" ht="17.25" customHeight="1">
      <c r="A39" s="15" t="s">
        <v>56</v>
      </c>
      <c r="B39" s="27">
        <v>0.86</v>
      </c>
      <c r="C39" s="20">
        <v>4.5</v>
      </c>
      <c r="D39" s="20">
        <v>2.2000000000000002</v>
      </c>
      <c r="E39" s="20">
        <v>93.293939393939397</v>
      </c>
      <c r="F39" s="20">
        <v>94.972727272727298</v>
      </c>
      <c r="G39" s="20">
        <v>15.1</v>
      </c>
      <c r="H39" s="20">
        <v>7.5</v>
      </c>
      <c r="I39" s="20">
        <v>7.9</v>
      </c>
      <c r="J39" s="20">
        <v>55</v>
      </c>
      <c r="K39" s="20">
        <v>190.7</v>
      </c>
      <c r="L39" s="20">
        <v>56.3</v>
      </c>
      <c r="M39" s="20">
        <v>9.1999999999999993</v>
      </c>
    </row>
    <row r="40" spans="1:13" ht="42" customHeight="1">
      <c r="F40" s="28"/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４年度市町村普通会計決算状況
　（７）財政指標等［&amp;P/&amp;N］&amp;R&amp;"ＭＳ ゴシック,標準"&amp;10
（単位：％）</oddHeader>
  </headerFooter>
  <colBreaks count="1" manualBreakCount="1">
    <brk id="8" max="39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7</vt:lpstr>
      <vt:lpstr>'17'!Print_Area</vt:lpstr>
      <vt:lpstr>'17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2-03-09T23:50:46Z</cp:lastPrinted>
  <dcterms:created xsi:type="dcterms:W3CDTF">2013-03-18T10:12:31Z</dcterms:created>
  <dcterms:modified xsi:type="dcterms:W3CDTF">2023-12-18T02:36:14Z</dcterms:modified>
</cp:coreProperties>
</file>